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41">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医療法人　中村整形外科</t>
    <phoneticPr fontId="3"/>
  </si>
  <si>
    <t>〒697-0027 浜田市殿町７４－２</t>
    <phoneticPr fontId="3"/>
  </si>
  <si>
    <t>〇</t>
  </si>
  <si>
    <t>医療法人</t>
  </si>
  <si>
    <t>複数の診療科で活用</t>
  </si>
  <si>
    <t>整形外科</t>
  </si>
  <si>
    <t>リハビリテーション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8&amp;chosano=2&amp;kikancd=232571721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0</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t="s">
        <v>334</v>
      </c>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t="s">
        <v>334</v>
      </c>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9</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9</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337</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338</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9</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5</v>
      </c>
      <c r="K159" s="99" t="str">
        <f t="shared" si="1"/>
        <v/>
      </c>
      <c r="L159" s="167"/>
      <c r="M159" s="167">
        <v>0</v>
      </c>
      <c r="N159" s="167">
        <v>5</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2</v>
      </c>
      <c r="K165" s="99" t="str">
        <f t="shared" si="1"/>
        <v/>
      </c>
      <c r="L165" s="167"/>
      <c r="M165" s="167">
        <v>0</v>
      </c>
      <c r="N165" s="167">
        <v>2</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9</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334</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4:23Z</cp:lastPrinted>
  <dcterms:created xsi:type="dcterms:W3CDTF">2019-03-05T11:12:49Z</dcterms:created>
  <dcterms:modified xsi:type="dcterms:W3CDTF">2021-05-24T00:34:25Z</dcterms:modified>
</cp:coreProperties>
</file>